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5324768\Desktop\"/>
    </mc:Choice>
  </mc:AlternateContent>
  <bookViews>
    <workbookView xWindow="0" yWindow="0" windowWidth="20490" windowHeight="7770"/>
  </bookViews>
  <sheets>
    <sheet name="南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5" uniqueCount="73">
  <si>
    <t xml:space="preserve"> 大阪市健康局健康推進部健康施策課長</t>
    <rPh sb="7" eb="9">
      <t>ケンコウ</t>
    </rPh>
    <rPh sb="9" eb="12">
      <t>スイシンブ</t>
    </rPh>
    <rPh sb="14" eb="16">
      <t>シサク</t>
    </rPh>
    <rPh sb="16" eb="18">
      <t>カチョウ</t>
    </rPh>
    <phoneticPr fontId="2"/>
  </si>
  <si>
    <t>藏田　一成</t>
    <rPh sb="0" eb="2">
      <t>クラタ</t>
    </rPh>
    <rPh sb="3" eb="5">
      <t>カズシゲ</t>
    </rPh>
    <phoneticPr fontId="2"/>
  </si>
  <si>
    <t>※平成29年度～</t>
    <rPh sb="1" eb="3">
      <t>ヘイセイ</t>
    </rPh>
    <rPh sb="5" eb="7">
      <t>ネンド</t>
    </rPh>
    <phoneticPr fontId="2"/>
  </si>
  <si>
    <t xml:space="preserve"> 保健所南部保健医療監</t>
    <rPh sb="4" eb="5">
      <t>ミナミ</t>
    </rPh>
    <phoneticPr fontId="2"/>
  </si>
  <si>
    <t>松本　健二</t>
    <phoneticPr fontId="2"/>
  </si>
  <si>
    <t xml:space="preserve"> 平野区役所 副区長</t>
    <rPh sb="1" eb="6">
      <t>ヒラノクヤクショ</t>
    </rPh>
    <rPh sb="7" eb="10">
      <t>フククチョウ</t>
    </rPh>
    <phoneticPr fontId="2"/>
  </si>
  <si>
    <t>市村　好</t>
    <phoneticPr fontId="2"/>
  </si>
  <si>
    <t xml:space="preserve"> 大阪府私立病院協会 常任理事</t>
    <rPh sb="11" eb="13">
      <t>ジョウニン</t>
    </rPh>
    <phoneticPr fontId="2"/>
  </si>
  <si>
    <t>飛田　忠之</t>
    <phoneticPr fontId="2"/>
  </si>
  <si>
    <t xml:space="preserve"> 大阪府病院協会 常任理事</t>
    <rPh sb="9" eb="11">
      <t>ジョウニン</t>
    </rPh>
    <rPh sb="11" eb="13">
      <t>リジ</t>
    </rPh>
    <phoneticPr fontId="2"/>
  </si>
  <si>
    <t>山本　時彦</t>
    <rPh sb="0" eb="2">
      <t>ヤマモト</t>
    </rPh>
    <rPh sb="3" eb="5">
      <t>トキヒコ</t>
    </rPh>
    <phoneticPr fontId="3"/>
  </si>
  <si>
    <t xml:space="preserve"> 大阪府医師会 理事</t>
    <rPh sb="8" eb="10">
      <t>リジ</t>
    </rPh>
    <phoneticPr fontId="2"/>
  </si>
  <si>
    <t>宮川　松剛</t>
    <rPh sb="0" eb="2">
      <t>ミヤガワ</t>
    </rPh>
    <rPh sb="3" eb="4">
      <t>マツ</t>
    </rPh>
    <rPh sb="4" eb="5">
      <t>ツヨシ</t>
    </rPh>
    <phoneticPr fontId="2"/>
  </si>
  <si>
    <t xml:space="preserve"> 大阪市立大学医学部附属病院 院長</t>
    <rPh sb="15" eb="16">
      <t>イン</t>
    </rPh>
    <phoneticPr fontId="2"/>
  </si>
  <si>
    <t>平川　弘聖</t>
    <rPh sb="0" eb="2">
      <t>ヒラカワ</t>
    </rPh>
    <rPh sb="3" eb="4">
      <t>ヒロシ</t>
    </rPh>
    <rPh sb="4" eb="5">
      <t>セイ</t>
    </rPh>
    <phoneticPr fontId="2"/>
  </si>
  <si>
    <t xml:space="preserve"> 大阪急性期・総合医療センター 総長</t>
    <rPh sb="16" eb="18">
      <t>ソウチョウ</t>
    </rPh>
    <phoneticPr fontId="2"/>
  </si>
  <si>
    <t>後藤　満一</t>
    <rPh sb="0" eb="2">
      <t>ゴトウ</t>
    </rPh>
    <rPh sb="3" eb="5">
      <t>ミツカズ</t>
    </rPh>
    <phoneticPr fontId="2"/>
  </si>
  <si>
    <t xml:space="preserve"> 入谷医院 院長</t>
    <rPh sb="1" eb="3">
      <t>イリタニ</t>
    </rPh>
    <rPh sb="3" eb="5">
      <t>イイン</t>
    </rPh>
    <rPh sb="6" eb="8">
      <t>インチョウ</t>
    </rPh>
    <phoneticPr fontId="2"/>
  </si>
  <si>
    <t>入谷　純光</t>
    <rPh sb="0" eb="2">
      <t>イリタニ</t>
    </rPh>
    <rPh sb="3" eb="4">
      <t>ジュン</t>
    </rPh>
    <rPh sb="4" eb="5">
      <t>ヒカリ</t>
    </rPh>
    <phoneticPr fontId="2"/>
  </si>
  <si>
    <t xml:space="preserve"> 大阪鉄道病院　院長</t>
    <rPh sb="8" eb="9">
      <t>イン</t>
    </rPh>
    <phoneticPr fontId="2"/>
  </si>
  <si>
    <t>上田　祐二</t>
    <phoneticPr fontId="2"/>
  </si>
  <si>
    <t xml:space="preserve"> 西成区地域振興会 会長</t>
    <phoneticPr fontId="2"/>
  </si>
  <si>
    <t>越村　市二</t>
    <rPh sb="0" eb="1">
      <t>コ</t>
    </rPh>
    <rPh sb="1" eb="2">
      <t>ムラ</t>
    </rPh>
    <rPh sb="3" eb="4">
      <t>イチ</t>
    </rPh>
    <rPh sb="4" eb="5">
      <t>ニ</t>
    </rPh>
    <phoneticPr fontId="2"/>
  </si>
  <si>
    <t xml:space="preserve"> 平野区地域振興会 会長</t>
    <phoneticPr fontId="2"/>
  </si>
  <si>
    <t>川添　良幸</t>
    <rPh sb="0" eb="2">
      <t>カワゾエ</t>
    </rPh>
    <rPh sb="3" eb="5">
      <t>ヨシユキ</t>
    </rPh>
    <phoneticPr fontId="2"/>
  </si>
  <si>
    <t xml:space="preserve"> 東住吉区地域振興会 会長</t>
    <phoneticPr fontId="2"/>
  </si>
  <si>
    <t>佐倉　謙二</t>
    <rPh sb="0" eb="2">
      <t>サクラ</t>
    </rPh>
    <rPh sb="3" eb="5">
      <t>ケンジ</t>
    </rPh>
    <phoneticPr fontId="2"/>
  </si>
  <si>
    <t xml:space="preserve"> 住吉区地域振興会 会長</t>
    <rPh sb="1" eb="4">
      <t>スミヨシク</t>
    </rPh>
    <rPh sb="4" eb="6">
      <t>チイキ</t>
    </rPh>
    <rPh sb="6" eb="9">
      <t>シンコウカイ</t>
    </rPh>
    <rPh sb="10" eb="12">
      <t>カイチョウ</t>
    </rPh>
    <phoneticPr fontId="2"/>
  </si>
  <si>
    <t>山口　守正</t>
    <rPh sb="0" eb="2">
      <t>ヤマグチ</t>
    </rPh>
    <rPh sb="3" eb="4">
      <t>マモ</t>
    </rPh>
    <rPh sb="4" eb="5">
      <t>タダ</t>
    </rPh>
    <phoneticPr fontId="2"/>
  </si>
  <si>
    <t xml:space="preserve"> 住之江区地域振興会 会長</t>
    <rPh sb="4" eb="5">
      <t>ク</t>
    </rPh>
    <phoneticPr fontId="2"/>
  </si>
  <si>
    <t>中野　紀久雄</t>
    <phoneticPr fontId="2"/>
  </si>
  <si>
    <t xml:space="preserve"> 阿倍野区地域振興会 会長</t>
    <phoneticPr fontId="2"/>
  </si>
  <si>
    <t>髙岡　祥介</t>
    <rPh sb="0" eb="2">
      <t>タカオカ</t>
    </rPh>
    <rPh sb="3" eb="5">
      <t>ショウスケ</t>
    </rPh>
    <phoneticPr fontId="2"/>
  </si>
  <si>
    <t xml:space="preserve"> 西成区薬剤師会 会長</t>
    <phoneticPr fontId="2"/>
  </si>
  <si>
    <t>藤井　博昭</t>
    <rPh sb="0" eb="2">
      <t>フジイ</t>
    </rPh>
    <rPh sb="3" eb="5">
      <t>ヒロアキ</t>
    </rPh>
    <phoneticPr fontId="2"/>
  </si>
  <si>
    <t xml:space="preserve"> 平野区薬剤師会 会長</t>
    <phoneticPr fontId="2"/>
  </si>
  <si>
    <t>安永　政利</t>
    <phoneticPr fontId="2"/>
  </si>
  <si>
    <t xml:space="preserve"> 東住吉区薬剤師会 会長</t>
    <phoneticPr fontId="2"/>
  </si>
  <si>
    <t>山田　公一</t>
    <phoneticPr fontId="2"/>
  </si>
  <si>
    <t xml:space="preserve"> 住吉区薬剤師会 会長</t>
    <phoneticPr fontId="2"/>
  </si>
  <si>
    <t>栗生　正也</t>
    <rPh sb="0" eb="1">
      <t>クリ</t>
    </rPh>
    <rPh sb="1" eb="2">
      <t>イ</t>
    </rPh>
    <rPh sb="3" eb="5">
      <t>マサヤ</t>
    </rPh>
    <phoneticPr fontId="2"/>
  </si>
  <si>
    <t xml:space="preserve"> 住之江区薬剤師会 会長</t>
    <phoneticPr fontId="2"/>
  </si>
  <si>
    <t>林　泰宏</t>
    <rPh sb="0" eb="1">
      <t>ハヤシ</t>
    </rPh>
    <rPh sb="2" eb="4">
      <t>ヤスヒロ</t>
    </rPh>
    <phoneticPr fontId="2"/>
  </si>
  <si>
    <t xml:space="preserve"> 阿倍野区薬剤師会 会長</t>
    <phoneticPr fontId="2"/>
  </si>
  <si>
    <t>田中　博来</t>
    <rPh sb="0" eb="2">
      <t>タナカ</t>
    </rPh>
    <rPh sb="3" eb="4">
      <t>ヒロ</t>
    </rPh>
    <rPh sb="4" eb="5">
      <t>ク</t>
    </rPh>
    <phoneticPr fontId="2"/>
  </si>
  <si>
    <t xml:space="preserve"> 西成区歯科医師会 会長</t>
    <phoneticPr fontId="2"/>
  </si>
  <si>
    <t>原田　浩治</t>
    <rPh sb="0" eb="2">
      <t>ハラダ</t>
    </rPh>
    <rPh sb="3" eb="5">
      <t>コウジ</t>
    </rPh>
    <phoneticPr fontId="2"/>
  </si>
  <si>
    <t xml:space="preserve"> 平野区歯科医師会 会長</t>
    <phoneticPr fontId="2"/>
  </si>
  <si>
    <t>水井　雅則</t>
    <phoneticPr fontId="2"/>
  </si>
  <si>
    <t xml:space="preserve"> 東住吉区歯科医師会 会長</t>
    <phoneticPr fontId="2"/>
  </si>
  <si>
    <t>市原　聡</t>
    <phoneticPr fontId="2"/>
  </si>
  <si>
    <t xml:space="preserve"> 住吉区歯科医師会 会長</t>
    <phoneticPr fontId="2"/>
  </si>
  <si>
    <t>松岡　忠博</t>
    <phoneticPr fontId="2"/>
  </si>
  <si>
    <t xml:space="preserve"> 住之江区歯科医師会 会長</t>
    <phoneticPr fontId="2"/>
  </si>
  <si>
    <t>上田　芳男</t>
    <phoneticPr fontId="2"/>
  </si>
  <si>
    <t xml:space="preserve"> 阿倍野区歯科医師会 会長</t>
    <phoneticPr fontId="2"/>
  </si>
  <si>
    <t>米倉　靖弘</t>
    <rPh sb="0" eb="2">
      <t>ヨネクラ</t>
    </rPh>
    <rPh sb="3" eb="5">
      <t>ヤスヒロ</t>
    </rPh>
    <phoneticPr fontId="2"/>
  </si>
  <si>
    <t xml:space="preserve"> 西成区医師会 会長</t>
    <phoneticPr fontId="2"/>
  </si>
  <si>
    <t>北野　喜彦</t>
    <rPh sb="0" eb="2">
      <t>キタノ</t>
    </rPh>
    <rPh sb="3" eb="5">
      <t>ヨシヒコ</t>
    </rPh>
    <phoneticPr fontId="2"/>
  </si>
  <si>
    <t xml:space="preserve"> 平野区医師会 会長</t>
    <phoneticPr fontId="2"/>
  </si>
  <si>
    <t>中谷　正晴</t>
    <rPh sb="0" eb="2">
      <t>ナカタニ</t>
    </rPh>
    <rPh sb="3" eb="5">
      <t>マサハル</t>
    </rPh>
    <phoneticPr fontId="2"/>
  </si>
  <si>
    <t xml:space="preserve"> 東住吉区医師会 会長</t>
    <phoneticPr fontId="2"/>
  </si>
  <si>
    <t>田島　幸兒</t>
    <phoneticPr fontId="2"/>
  </si>
  <si>
    <t xml:space="preserve"> 住吉区医師会 会長</t>
    <phoneticPr fontId="2"/>
  </si>
  <si>
    <t>畑　直成</t>
    <rPh sb="0" eb="1">
      <t>ハタ</t>
    </rPh>
    <rPh sb="2" eb="4">
      <t>タダナリ</t>
    </rPh>
    <phoneticPr fontId="2"/>
  </si>
  <si>
    <t xml:space="preserve"> 住之江区医師会 会長</t>
    <phoneticPr fontId="2"/>
  </si>
  <si>
    <t>松嶋　三夫</t>
    <rPh sb="0" eb="2">
      <t>マツシマ</t>
    </rPh>
    <rPh sb="3" eb="5">
      <t>ミツオ</t>
    </rPh>
    <phoneticPr fontId="2"/>
  </si>
  <si>
    <t xml:space="preserve"> 阿倍野区医師会 会長</t>
    <phoneticPr fontId="2"/>
  </si>
  <si>
    <t>菅　保夫</t>
    <rPh sb="0" eb="1">
      <t>スガ</t>
    </rPh>
    <rPh sb="2" eb="4">
      <t>ヤスオ</t>
    </rPh>
    <phoneticPr fontId="2"/>
  </si>
  <si>
    <t>備考</t>
    <rPh sb="0" eb="2">
      <t>ビコウ</t>
    </rPh>
    <phoneticPr fontId="2"/>
  </si>
  <si>
    <t>所　属</t>
    <rPh sb="0" eb="1">
      <t>トコロ</t>
    </rPh>
    <rPh sb="2" eb="3">
      <t>ゾク</t>
    </rPh>
    <phoneticPr fontId="2"/>
  </si>
  <si>
    <t>氏　名</t>
    <rPh sb="0" eb="1">
      <t>シ</t>
    </rPh>
    <rPh sb="2" eb="3">
      <t>メイ</t>
    </rPh>
    <phoneticPr fontId="2"/>
  </si>
  <si>
    <t>平成２９年度　大阪市南部保健医療協議会委員名簿</t>
    <rPh sb="0" eb="2">
      <t>ヘイセイ</t>
    </rPh>
    <rPh sb="4" eb="6">
      <t>ネンド</t>
    </rPh>
    <rPh sb="7" eb="10">
      <t>オオサカシ</t>
    </rPh>
    <rPh sb="10" eb="12">
      <t>ナンブ</t>
    </rPh>
    <rPh sb="12" eb="14">
      <t>ホケン</t>
    </rPh>
    <rPh sb="14" eb="16">
      <t>イリョウ</t>
    </rPh>
    <rPh sb="16" eb="19">
      <t>キョウギカイ</t>
    </rPh>
    <rPh sb="19" eb="21">
      <t>イイン</t>
    </rPh>
    <rPh sb="21" eb="23">
      <t>メイボ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_ "/>
  </numFmts>
  <fonts count="8">
    <font>
      <sz val="10.5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7"/>
      <name val="明朝"/>
      <family val="1"/>
      <charset val="128"/>
    </font>
    <font>
      <sz val="11"/>
      <color theme="1"/>
      <name val="ＭＳ 明朝"/>
      <family val="1"/>
      <charset val="128"/>
    </font>
    <font>
      <sz val="11"/>
      <color indexed="10"/>
      <name val="ＭＳ 明朝"/>
      <family val="1"/>
      <charset val="128"/>
    </font>
    <font>
      <sz val="11"/>
      <color rgb="FFFF0000"/>
      <name val="ＭＳ 明朝"/>
      <family val="1"/>
      <charset val="128"/>
    </font>
    <font>
      <b/>
      <sz val="1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0">
    <border>
      <left/>
      <right/>
      <top/>
      <bottom/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1" fillId="0" borderId="0" xfId="0" applyFont="1"/>
    <xf numFmtId="0" fontId="1" fillId="0" borderId="0" xfId="0" applyFont="1" applyAlignment="1">
      <alignment horizontal="left"/>
    </xf>
    <xf numFmtId="0" fontId="1" fillId="0" borderId="0" xfId="0" applyFont="1" applyAlignment="1"/>
    <xf numFmtId="0" fontId="1" fillId="0" borderId="1" xfId="0" applyFont="1" applyFill="1" applyBorder="1" applyAlignment="1">
      <alignment horizontal="left" vertical="center" shrinkToFit="1"/>
    </xf>
    <xf numFmtId="0" fontId="1" fillId="2" borderId="2" xfId="0" applyFont="1" applyFill="1" applyBorder="1" applyAlignment="1">
      <alignment vertical="center" shrinkToFit="1"/>
    </xf>
    <xf numFmtId="0" fontId="1" fillId="2" borderId="2" xfId="0" applyFont="1" applyFill="1" applyBorder="1" applyAlignment="1">
      <alignment horizontal="left" vertical="center" shrinkToFit="1"/>
    </xf>
    <xf numFmtId="176" fontId="1" fillId="2" borderId="3" xfId="0" applyNumberFormat="1" applyFont="1" applyFill="1" applyBorder="1" applyAlignment="1">
      <alignment horizontal="center" vertical="center" shrinkToFit="1"/>
    </xf>
    <xf numFmtId="0" fontId="1" fillId="0" borderId="4" xfId="0" applyFont="1" applyFill="1" applyBorder="1" applyAlignment="1">
      <alignment horizontal="left" vertical="center" shrinkToFit="1"/>
    </xf>
    <xf numFmtId="0" fontId="1" fillId="2" borderId="5" xfId="0" applyFont="1" applyFill="1" applyBorder="1" applyAlignment="1">
      <alignment vertical="center" shrinkToFit="1"/>
    </xf>
    <xf numFmtId="0" fontId="1" fillId="2" borderId="5" xfId="0" applyFont="1" applyFill="1" applyBorder="1" applyAlignment="1">
      <alignment horizontal="left" vertical="center" shrinkToFit="1"/>
    </xf>
    <xf numFmtId="176" fontId="1" fillId="2" borderId="6" xfId="0" applyNumberFormat="1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left" vertical="center" shrinkToFit="1"/>
    </xf>
    <xf numFmtId="0" fontId="5" fillId="0" borderId="4" xfId="0" applyFont="1" applyFill="1" applyBorder="1" applyAlignment="1">
      <alignment horizontal="left" vertical="center" shrinkToFit="1"/>
    </xf>
    <xf numFmtId="0" fontId="6" fillId="0" borderId="4" xfId="0" applyFont="1" applyFill="1" applyBorder="1" applyAlignment="1">
      <alignment horizontal="left" vertical="center" shrinkToFit="1"/>
    </xf>
    <xf numFmtId="0" fontId="1" fillId="0" borderId="7" xfId="0" applyFont="1" applyFill="1" applyBorder="1" applyAlignment="1">
      <alignment horizontal="center" vertical="center" shrinkToFit="1"/>
    </xf>
    <xf numFmtId="0" fontId="1" fillId="2" borderId="8" xfId="0" applyFont="1" applyFill="1" applyBorder="1" applyAlignment="1">
      <alignment horizontal="center" vertical="center" shrinkToFit="1"/>
    </xf>
    <xf numFmtId="0" fontId="1" fillId="2" borderId="9" xfId="0" applyFont="1" applyFill="1" applyBorder="1" applyAlignment="1">
      <alignment horizontal="center" vertical="center" shrinkToFit="1"/>
    </xf>
    <xf numFmtId="0" fontId="7" fillId="0" borderId="0" xfId="0" applyFont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E37"/>
  <sheetViews>
    <sheetView tabSelected="1" topLeftCell="A19" zoomScaleNormal="100" workbookViewId="0">
      <selection activeCell="D8" sqref="D8"/>
    </sheetView>
  </sheetViews>
  <sheetFormatPr defaultRowHeight="20.100000000000001" customHeight="1"/>
  <cols>
    <col min="1" max="1" width="9.140625" style="1"/>
    <col min="2" max="2" width="6.7109375" style="1" customWidth="1"/>
    <col min="3" max="3" width="21.140625" style="1" customWidth="1"/>
    <col min="4" max="4" width="37.85546875" style="3" customWidth="1"/>
    <col min="5" max="5" width="20.7109375" style="2" customWidth="1"/>
    <col min="6" max="16384" width="9.140625" style="1"/>
  </cols>
  <sheetData>
    <row r="1" spans="2:5" ht="20.100000000000001" customHeight="1">
      <c r="B1" s="18" t="s">
        <v>72</v>
      </c>
      <c r="C1" s="18"/>
      <c r="D1" s="18"/>
      <c r="E1" s="18"/>
    </row>
    <row r="2" spans="2:5" ht="20.100000000000001" customHeight="1" thickBot="1"/>
    <row r="3" spans="2:5" ht="20.100000000000001" customHeight="1">
      <c r="B3" s="17"/>
      <c r="C3" s="16" t="s">
        <v>71</v>
      </c>
      <c r="D3" s="16" t="s">
        <v>70</v>
      </c>
      <c r="E3" s="15" t="s">
        <v>69</v>
      </c>
    </row>
    <row r="4" spans="2:5" ht="20.100000000000001" customHeight="1">
      <c r="B4" s="11">
        <v>1</v>
      </c>
      <c r="C4" s="12" t="s">
        <v>68</v>
      </c>
      <c r="D4" s="9" t="s">
        <v>67</v>
      </c>
      <c r="E4" s="8"/>
    </row>
    <row r="5" spans="2:5" ht="20.100000000000001" customHeight="1">
      <c r="B5" s="11">
        <v>2</v>
      </c>
      <c r="C5" s="12" t="s">
        <v>66</v>
      </c>
      <c r="D5" s="9" t="s">
        <v>65</v>
      </c>
      <c r="E5" s="8"/>
    </row>
    <row r="6" spans="2:5" ht="20.100000000000001" customHeight="1">
      <c r="B6" s="11">
        <v>3</v>
      </c>
      <c r="C6" s="12" t="s">
        <v>64</v>
      </c>
      <c r="D6" s="9" t="s">
        <v>63</v>
      </c>
      <c r="E6" s="8"/>
    </row>
    <row r="7" spans="2:5" ht="20.100000000000001" customHeight="1">
      <c r="B7" s="11">
        <v>4</v>
      </c>
      <c r="C7" s="12" t="s">
        <v>62</v>
      </c>
      <c r="D7" s="9" t="s">
        <v>61</v>
      </c>
      <c r="E7" s="8"/>
    </row>
    <row r="8" spans="2:5" ht="20.100000000000001" customHeight="1">
      <c r="B8" s="11">
        <v>5</v>
      </c>
      <c r="C8" s="12" t="s">
        <v>60</v>
      </c>
      <c r="D8" s="9" t="s">
        <v>59</v>
      </c>
      <c r="E8" s="8"/>
    </row>
    <row r="9" spans="2:5" ht="20.100000000000001" customHeight="1">
      <c r="B9" s="11">
        <v>6</v>
      </c>
      <c r="C9" s="12" t="s">
        <v>58</v>
      </c>
      <c r="D9" s="9" t="s">
        <v>57</v>
      </c>
      <c r="E9" s="8"/>
    </row>
    <row r="10" spans="2:5" ht="20.100000000000001" customHeight="1">
      <c r="B10" s="11">
        <v>7</v>
      </c>
      <c r="C10" s="12" t="s">
        <v>56</v>
      </c>
      <c r="D10" s="9" t="s">
        <v>55</v>
      </c>
      <c r="E10" s="13"/>
    </row>
    <row r="11" spans="2:5" ht="20.100000000000001" customHeight="1">
      <c r="B11" s="11">
        <v>8</v>
      </c>
      <c r="C11" s="12" t="s">
        <v>54</v>
      </c>
      <c r="D11" s="9" t="s">
        <v>53</v>
      </c>
      <c r="E11" s="14"/>
    </row>
    <row r="12" spans="2:5" ht="20.100000000000001" customHeight="1">
      <c r="B12" s="11">
        <v>9</v>
      </c>
      <c r="C12" s="12" t="s">
        <v>52</v>
      </c>
      <c r="D12" s="9" t="s">
        <v>51</v>
      </c>
      <c r="E12" s="14"/>
    </row>
    <row r="13" spans="2:5" ht="20.100000000000001" customHeight="1">
      <c r="B13" s="11">
        <v>10</v>
      </c>
      <c r="C13" s="12" t="s">
        <v>50</v>
      </c>
      <c r="D13" s="9" t="s">
        <v>49</v>
      </c>
      <c r="E13" s="8"/>
    </row>
    <row r="14" spans="2:5" ht="20.100000000000001" customHeight="1">
      <c r="B14" s="11">
        <v>11</v>
      </c>
      <c r="C14" s="12" t="s">
        <v>48</v>
      </c>
      <c r="D14" s="9" t="s">
        <v>47</v>
      </c>
      <c r="E14" s="8" t="s">
        <v>2</v>
      </c>
    </row>
    <row r="15" spans="2:5" ht="20.100000000000001" customHeight="1">
      <c r="B15" s="11">
        <v>12</v>
      </c>
      <c r="C15" s="12" t="s">
        <v>46</v>
      </c>
      <c r="D15" s="9" t="s">
        <v>45</v>
      </c>
      <c r="E15" s="8"/>
    </row>
    <row r="16" spans="2:5" ht="20.100000000000001" customHeight="1">
      <c r="B16" s="11">
        <v>13</v>
      </c>
      <c r="C16" s="12" t="s">
        <v>44</v>
      </c>
      <c r="D16" s="9" t="s">
        <v>43</v>
      </c>
      <c r="E16" s="8"/>
    </row>
    <row r="17" spans="2:5" ht="20.100000000000001" customHeight="1">
      <c r="B17" s="11">
        <v>14</v>
      </c>
      <c r="C17" s="12" t="s">
        <v>42</v>
      </c>
      <c r="D17" s="9" t="s">
        <v>41</v>
      </c>
      <c r="E17" s="8"/>
    </row>
    <row r="18" spans="2:5" ht="20.100000000000001" customHeight="1">
      <c r="B18" s="11">
        <v>15</v>
      </c>
      <c r="C18" s="12" t="s">
        <v>40</v>
      </c>
      <c r="D18" s="9" t="s">
        <v>39</v>
      </c>
      <c r="E18" s="8"/>
    </row>
    <row r="19" spans="2:5" ht="20.100000000000001" customHeight="1">
      <c r="B19" s="11">
        <v>16</v>
      </c>
      <c r="C19" s="12" t="s">
        <v>38</v>
      </c>
      <c r="D19" s="9" t="s">
        <v>37</v>
      </c>
      <c r="E19" s="8"/>
    </row>
    <row r="20" spans="2:5" ht="20.100000000000001" customHeight="1">
      <c r="B20" s="11">
        <v>17</v>
      </c>
      <c r="C20" s="12" t="s">
        <v>36</v>
      </c>
      <c r="D20" s="9" t="s">
        <v>35</v>
      </c>
      <c r="E20" s="13"/>
    </row>
    <row r="21" spans="2:5" ht="20.100000000000001" customHeight="1">
      <c r="B21" s="11">
        <v>18</v>
      </c>
      <c r="C21" s="12" t="s">
        <v>34</v>
      </c>
      <c r="D21" s="9" t="s">
        <v>33</v>
      </c>
      <c r="E21" s="13"/>
    </row>
    <row r="22" spans="2:5" ht="20.100000000000001" customHeight="1">
      <c r="B22" s="11">
        <v>19</v>
      </c>
      <c r="C22" s="12" t="s">
        <v>32</v>
      </c>
      <c r="D22" s="9" t="s">
        <v>31</v>
      </c>
      <c r="E22" s="8"/>
    </row>
    <row r="23" spans="2:5" ht="20.100000000000001" customHeight="1">
      <c r="B23" s="11">
        <v>20</v>
      </c>
      <c r="C23" s="12" t="s">
        <v>30</v>
      </c>
      <c r="D23" s="9" t="s">
        <v>29</v>
      </c>
      <c r="E23" s="8"/>
    </row>
    <row r="24" spans="2:5" ht="20.100000000000001" customHeight="1">
      <c r="B24" s="11">
        <v>21</v>
      </c>
      <c r="C24" s="12" t="s">
        <v>28</v>
      </c>
      <c r="D24" s="9" t="s">
        <v>27</v>
      </c>
      <c r="E24" s="8"/>
    </row>
    <row r="25" spans="2:5" ht="20.100000000000001" customHeight="1">
      <c r="B25" s="11">
        <v>22</v>
      </c>
      <c r="C25" s="12" t="s">
        <v>26</v>
      </c>
      <c r="D25" s="9" t="s">
        <v>25</v>
      </c>
      <c r="E25" s="8"/>
    </row>
    <row r="26" spans="2:5" ht="20.100000000000001" customHeight="1">
      <c r="B26" s="11">
        <v>23</v>
      </c>
      <c r="C26" s="12" t="s">
        <v>24</v>
      </c>
      <c r="D26" s="9" t="s">
        <v>23</v>
      </c>
      <c r="E26" s="8"/>
    </row>
    <row r="27" spans="2:5" ht="20.100000000000001" customHeight="1">
      <c r="B27" s="11">
        <v>24</v>
      </c>
      <c r="C27" s="12" t="s">
        <v>22</v>
      </c>
      <c r="D27" s="9" t="s">
        <v>21</v>
      </c>
      <c r="E27" s="13"/>
    </row>
    <row r="28" spans="2:5" ht="20.100000000000001" customHeight="1">
      <c r="B28" s="11">
        <v>25</v>
      </c>
      <c r="C28" s="12" t="s">
        <v>20</v>
      </c>
      <c r="D28" s="9" t="s">
        <v>19</v>
      </c>
      <c r="E28" s="8"/>
    </row>
    <row r="29" spans="2:5" ht="20.100000000000001" customHeight="1">
      <c r="B29" s="11">
        <v>26</v>
      </c>
      <c r="C29" s="10" t="s">
        <v>18</v>
      </c>
      <c r="D29" s="9" t="s">
        <v>17</v>
      </c>
      <c r="E29" s="8"/>
    </row>
    <row r="30" spans="2:5" ht="20.100000000000001" customHeight="1">
      <c r="B30" s="11">
        <v>27</v>
      </c>
      <c r="C30" s="10" t="s">
        <v>16</v>
      </c>
      <c r="D30" s="9" t="s">
        <v>15</v>
      </c>
      <c r="E30" s="8"/>
    </row>
    <row r="31" spans="2:5" ht="20.100000000000001" customHeight="1">
      <c r="B31" s="11">
        <v>28</v>
      </c>
      <c r="C31" s="10" t="s">
        <v>14</v>
      </c>
      <c r="D31" s="9" t="s">
        <v>13</v>
      </c>
      <c r="E31" s="8"/>
    </row>
    <row r="32" spans="2:5" ht="20.100000000000001" customHeight="1">
      <c r="B32" s="11">
        <v>29</v>
      </c>
      <c r="C32" s="10" t="s">
        <v>12</v>
      </c>
      <c r="D32" s="9" t="s">
        <v>11</v>
      </c>
      <c r="E32" s="8"/>
    </row>
    <row r="33" spans="2:5" ht="20.100000000000001" customHeight="1">
      <c r="B33" s="11">
        <v>30</v>
      </c>
      <c r="C33" s="10" t="s">
        <v>10</v>
      </c>
      <c r="D33" s="9" t="s">
        <v>9</v>
      </c>
      <c r="E33" s="8"/>
    </row>
    <row r="34" spans="2:5" ht="20.100000000000001" customHeight="1">
      <c r="B34" s="11">
        <v>31</v>
      </c>
      <c r="C34" s="10" t="s">
        <v>8</v>
      </c>
      <c r="D34" s="9" t="s">
        <v>7</v>
      </c>
      <c r="E34" s="8"/>
    </row>
    <row r="35" spans="2:5" ht="20.100000000000001" customHeight="1">
      <c r="B35" s="11">
        <v>32</v>
      </c>
      <c r="C35" s="10" t="s">
        <v>6</v>
      </c>
      <c r="D35" s="9" t="s">
        <v>5</v>
      </c>
      <c r="E35" s="8" t="s">
        <v>2</v>
      </c>
    </row>
    <row r="36" spans="2:5" ht="20.100000000000001" customHeight="1">
      <c r="B36" s="11">
        <v>33</v>
      </c>
      <c r="C36" s="10" t="s">
        <v>4</v>
      </c>
      <c r="D36" s="9" t="s">
        <v>3</v>
      </c>
      <c r="E36" s="8" t="s">
        <v>2</v>
      </c>
    </row>
    <row r="37" spans="2:5" ht="20.100000000000001" customHeight="1" thickBot="1">
      <c r="B37" s="7">
        <v>34</v>
      </c>
      <c r="C37" s="6" t="s">
        <v>1</v>
      </c>
      <c r="D37" s="5" t="s">
        <v>0</v>
      </c>
      <c r="E37" s="4"/>
    </row>
  </sheetData>
  <mergeCells count="1">
    <mergeCell ref="B1:E1"/>
  </mergeCells>
  <phoneticPr fontId="2"/>
  <pageMargins left="0.70866141732283472" right="0.70866141732283472" top="0.74803149606299213" bottom="0.74803149606299213" header="0.31496062992125984" footer="0.31496062992125984"/>
  <pageSetup paperSize="9" scale="9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南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</dc:creator>
  <cp:lastModifiedBy>大阪市</cp:lastModifiedBy>
  <cp:lastPrinted>2017-12-13T02:49:23Z</cp:lastPrinted>
  <dcterms:created xsi:type="dcterms:W3CDTF">2017-12-13T02:49:10Z</dcterms:created>
  <dcterms:modified xsi:type="dcterms:W3CDTF">2017-12-13T02:50:01Z</dcterms:modified>
</cp:coreProperties>
</file>